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 defaultThemeVersion="166925"/>
  <mc:AlternateContent xmlns:mc="http://schemas.openxmlformats.org/markup-compatibility/2006">
    <mc:Choice Requires="x15">
      <x15ac:absPath xmlns:x15ac="http://schemas.microsoft.com/office/spreadsheetml/2010/11/ac" url="\\AP-2016\US\FN\s8178\Documents\BIP\BIP za 2023\"/>
    </mc:Choice>
  </mc:AlternateContent>
  <xr:revisionPtr revIDLastSave="0" documentId="13_ncr:1_{CE7359ED-CDB5-445E-9791-9F586A1FF18F}" xr6:coauthVersionLast="47" xr6:coauthVersionMax="47" xr10:uidLastSave="{00000000-0000-0000-0000-000000000000}"/>
  <bookViews>
    <workbookView xWindow="-120" yWindow="-120" windowWidth="29040" windowHeight="15720" xr2:uid="{3E4D0EC6-0003-4953-AFF5-85F74D47229F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14" i="1" l="1"/>
  <c r="C23" i="1" s="1"/>
  <c r="C19" i="1"/>
  <c r="C9" i="1"/>
</calcChain>
</file>

<file path=xl/sharedStrings.xml><?xml version="1.0" encoding="utf-8"?>
<sst xmlns="http://schemas.openxmlformats.org/spreadsheetml/2006/main" count="18" uniqueCount="17">
  <si>
    <t xml:space="preserve">Z WYSZCZEGÓLNIENIEM ŚRODKÓW POCHODZĄCYCH Z FUNDUSZY UNIJNYCH </t>
  </si>
  <si>
    <t>WYDATKI</t>
  </si>
  <si>
    <t>WYKONANIE</t>
  </si>
  <si>
    <t>1. Wydatki jednostek budżetowych, w tym:</t>
  </si>
  <si>
    <t>-   wynagrodzenia i pochodne</t>
  </si>
  <si>
    <t>-   wydatki związane z realizacją statutowych zadań</t>
  </si>
  <si>
    <t>2. Dotacje na zadania bieżące</t>
  </si>
  <si>
    <t>3. Świadczenia na rzecz osób fizycznych</t>
  </si>
  <si>
    <t>-  środki UE (art. 5 pkt 1 ust 2. uofp)</t>
  </si>
  <si>
    <t>-  środki krajowe</t>
  </si>
  <si>
    <t>5. Obsługa długu jst</t>
  </si>
  <si>
    <t>6. Inwestycje i zakupy inwestycyjne</t>
  </si>
  <si>
    <t xml:space="preserve">    w tym inwestycje i zakupy programów z udziałem środków UE, w tym:</t>
  </si>
  <si>
    <t xml:space="preserve">-  środki UE (art. 5 pkt 1 ust. 2 uofp) </t>
  </si>
  <si>
    <t>RAZEM</t>
  </si>
  <si>
    <t>4. Wydatki bieżące na programy z udziałem środków UE,      w tym:</t>
  </si>
  <si>
    <t>WYKONANIE WYDATKÓW ZA 2023 RO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1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0" fillId="0" borderId="0" xfId="0" applyFont="1"/>
    <xf numFmtId="0" fontId="2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vertical="center" wrapText="1"/>
    </xf>
    <xf numFmtId="4" fontId="1" fillId="0" borderId="4" xfId="0" applyNumberFormat="1" applyFont="1" applyBorder="1" applyAlignment="1">
      <alignment horizontal="right" vertical="center"/>
    </xf>
    <xf numFmtId="0" fontId="2" fillId="0" borderId="3" xfId="0" applyFont="1" applyBorder="1" applyAlignment="1">
      <alignment vertical="center" wrapText="1"/>
    </xf>
    <xf numFmtId="4" fontId="2" fillId="0" borderId="4" xfId="0" applyNumberFormat="1" applyFont="1" applyBorder="1" applyAlignment="1">
      <alignment horizontal="right" vertical="center"/>
    </xf>
    <xf numFmtId="0" fontId="1" fillId="0" borderId="5" xfId="0" applyFont="1" applyBorder="1" applyAlignment="1">
      <alignment vertical="center" wrapText="1"/>
    </xf>
    <xf numFmtId="4" fontId="1" fillId="0" borderId="5" xfId="0" applyNumberFormat="1" applyFont="1" applyBorder="1" applyAlignment="1">
      <alignment horizontal="right" vertical="center"/>
    </xf>
    <xf numFmtId="0" fontId="1" fillId="0" borderId="5" xfId="0" applyFont="1" applyBorder="1" applyAlignment="1">
      <alignment horizontal="center" vertical="center" wrapText="1"/>
    </xf>
    <xf numFmtId="4" fontId="1" fillId="0" borderId="6" xfId="0" applyNumberFormat="1" applyFont="1" applyBorder="1" applyAlignment="1">
      <alignment horizontal="right" vertical="center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74F64AB-C318-4C09-932E-D8B4E2C5E2BF}">
  <sheetPr>
    <pageSetUpPr fitToPage="1"/>
  </sheetPr>
  <dimension ref="B2:C24"/>
  <sheetViews>
    <sheetView tabSelected="1" zoomScale="96" zoomScaleNormal="96" workbookViewId="0">
      <selection activeCell="C14" sqref="C14"/>
    </sheetView>
  </sheetViews>
  <sheetFormatPr defaultRowHeight="15" x14ac:dyDescent="0.25"/>
  <cols>
    <col min="1" max="1" width="8.140625" customWidth="1"/>
    <col min="2" max="2" width="65.140625" customWidth="1"/>
    <col min="3" max="3" width="30.85546875" customWidth="1"/>
  </cols>
  <sheetData>
    <row r="2" spans="2:3" ht="11.25" customHeight="1" x14ac:dyDescent="0.25"/>
    <row r="3" spans="2:3" ht="24" customHeight="1" x14ac:dyDescent="0.25">
      <c r="B3" s="1" t="s">
        <v>16</v>
      </c>
      <c r="C3" s="1"/>
    </row>
    <row r="4" spans="2:3" ht="22.5" customHeight="1" x14ac:dyDescent="0.25">
      <c r="B4" s="1" t="s">
        <v>0</v>
      </c>
      <c r="C4" s="1"/>
    </row>
    <row r="5" spans="2:3" ht="15.75" x14ac:dyDescent="0.25">
      <c r="B5" s="2"/>
      <c r="C5" s="3"/>
    </row>
    <row r="6" spans="2:3" ht="15.75" x14ac:dyDescent="0.25">
      <c r="B6" s="4"/>
      <c r="C6" s="3"/>
    </row>
    <row r="7" spans="2:3" ht="16.5" thickBot="1" x14ac:dyDescent="0.3">
      <c r="B7" s="4"/>
      <c r="C7" s="3"/>
    </row>
    <row r="8" spans="2:3" ht="16.5" thickBot="1" x14ac:dyDescent="0.3">
      <c r="B8" s="5" t="s">
        <v>1</v>
      </c>
      <c r="C8" s="6" t="s">
        <v>2</v>
      </c>
    </row>
    <row r="9" spans="2:3" ht="18.75" customHeight="1" x14ac:dyDescent="0.25">
      <c r="B9" s="7" t="s">
        <v>3</v>
      </c>
      <c r="C9" s="8">
        <f>C10+C11</f>
        <v>180508283.18000001</v>
      </c>
    </row>
    <row r="10" spans="2:3" ht="15.75" x14ac:dyDescent="0.25">
      <c r="B10" s="9" t="s">
        <v>4</v>
      </c>
      <c r="C10" s="10">
        <v>117561155.48</v>
      </c>
    </row>
    <row r="11" spans="2:3" ht="15.75" x14ac:dyDescent="0.25">
      <c r="B11" s="9" t="s">
        <v>5</v>
      </c>
      <c r="C11" s="10">
        <v>62947127.700000003</v>
      </c>
    </row>
    <row r="12" spans="2:3" ht="19.5" customHeight="1" x14ac:dyDescent="0.25">
      <c r="B12" s="7" t="s">
        <v>6</v>
      </c>
      <c r="C12" s="8">
        <v>35810756.619999997</v>
      </c>
    </row>
    <row r="13" spans="2:3" ht="18" customHeight="1" x14ac:dyDescent="0.25">
      <c r="B13" s="7" t="s">
        <v>7</v>
      </c>
      <c r="C13" s="8">
        <v>5517622.1200000001</v>
      </c>
    </row>
    <row r="14" spans="2:3" ht="35.25" customHeight="1" x14ac:dyDescent="0.25">
      <c r="B14" s="7" t="s">
        <v>15</v>
      </c>
      <c r="C14" s="8">
        <f>C15+C16</f>
        <v>2397772.46</v>
      </c>
    </row>
    <row r="15" spans="2:3" ht="15.75" x14ac:dyDescent="0.25">
      <c r="B15" s="9" t="s">
        <v>8</v>
      </c>
      <c r="C15" s="10">
        <v>2357010.37</v>
      </c>
    </row>
    <row r="16" spans="2:3" ht="15.75" x14ac:dyDescent="0.25">
      <c r="B16" s="9" t="s">
        <v>9</v>
      </c>
      <c r="C16" s="10">
        <v>40762.089999999997</v>
      </c>
    </row>
    <row r="17" spans="2:3" ht="19.5" customHeight="1" x14ac:dyDescent="0.25">
      <c r="B17" s="7" t="s">
        <v>10</v>
      </c>
      <c r="C17" s="8">
        <v>2598831.16</v>
      </c>
    </row>
    <row r="18" spans="2:3" ht="18" customHeight="1" x14ac:dyDescent="0.25">
      <c r="B18" s="7" t="s">
        <v>11</v>
      </c>
      <c r="C18" s="8">
        <v>43585165.68</v>
      </c>
    </row>
    <row r="19" spans="2:3" ht="31.5" x14ac:dyDescent="0.25">
      <c r="B19" s="9" t="s">
        <v>12</v>
      </c>
      <c r="C19" s="10">
        <f>C20+C21</f>
        <v>1909946.2</v>
      </c>
    </row>
    <row r="20" spans="2:3" ht="15.75" x14ac:dyDescent="0.25">
      <c r="B20" s="9" t="s">
        <v>13</v>
      </c>
      <c r="C20" s="10">
        <v>203979</v>
      </c>
    </row>
    <row r="21" spans="2:3" ht="15.75" x14ac:dyDescent="0.25">
      <c r="B21" s="9" t="s">
        <v>9</v>
      </c>
      <c r="C21" s="10">
        <v>1705967.2</v>
      </c>
    </row>
    <row r="22" spans="2:3" ht="18.75" customHeight="1" thickBot="1" x14ac:dyDescent="0.3">
      <c r="B22" s="11"/>
      <c r="C22" s="12"/>
    </row>
    <row r="23" spans="2:3" ht="31.5" customHeight="1" thickBot="1" x14ac:dyDescent="0.3">
      <c r="B23" s="13" t="s">
        <v>14</v>
      </c>
      <c r="C23" s="14">
        <f>C9+C12+C13+C14+C17+C18+C22</f>
        <v>270418431.22000003</v>
      </c>
    </row>
    <row r="24" spans="2:3" ht="15.75" x14ac:dyDescent="0.25">
      <c r="B24" s="4"/>
      <c r="C24" s="3"/>
    </row>
  </sheetData>
  <mergeCells count="2">
    <mergeCell ref="B3:C3"/>
    <mergeCell ref="B4:C4"/>
  </mergeCells>
  <pageMargins left="0.7" right="0.7" top="0.75" bottom="0.75" header="0.3" footer="0.3"/>
  <pageSetup paperSize="9" scale="8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N.Dobrowolska Kinga</dc:creator>
  <cp:lastModifiedBy>FN.Dobrowolska Kinga</cp:lastModifiedBy>
  <cp:lastPrinted>2024-05-08T09:42:11Z</cp:lastPrinted>
  <dcterms:created xsi:type="dcterms:W3CDTF">2019-04-01T10:08:48Z</dcterms:created>
  <dcterms:modified xsi:type="dcterms:W3CDTF">2024-05-08T09:59:48Z</dcterms:modified>
</cp:coreProperties>
</file>